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3_出雲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5" uniqueCount="339">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出雲中央クリニック</t>
    <phoneticPr fontId="3"/>
  </si>
  <si>
    <t>〒693-0021 出雲市塩冶町２１２３－２</t>
    <phoneticPr fontId="3"/>
  </si>
  <si>
    <t>〇</t>
  </si>
  <si>
    <t>医療法人</t>
  </si>
  <si>
    <t>消化器内科（胃腸内科）</t>
  </si>
  <si>
    <t>無</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41722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M7" sqref="M7"/>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38</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t="s">
        <v>334</v>
      </c>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t="s">
        <v>334</v>
      </c>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18</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0</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18</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18</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173</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173</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18</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37</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1</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0</v>
      </c>
      <c r="K157" s="99" t="str">
        <f t="shared" ref="K157:K172" si="1">IF(OR(COUNTIF(L157:O157,"未確認")&gt;0,COUNTIF(L157:O157,"*")&gt;0),"※","")</f>
        <v/>
      </c>
      <c r="L157" s="167">
        <v>0</v>
      </c>
      <c r="M157" s="167">
        <v>0</v>
      </c>
      <c r="N157" s="167">
        <v>0</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0</v>
      </c>
      <c r="K158" s="99" t="str">
        <f t="shared" si="1"/>
        <v/>
      </c>
      <c r="L158" s="168">
        <v>0</v>
      </c>
      <c r="M158" s="168">
        <v>0</v>
      </c>
      <c r="N158" s="168">
        <v>0</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3</v>
      </c>
      <c r="K159" s="99" t="str">
        <f t="shared" si="1"/>
        <v/>
      </c>
      <c r="L159" s="167">
        <v>1</v>
      </c>
      <c r="M159" s="167">
        <v>0</v>
      </c>
      <c r="N159" s="167">
        <v>2</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1</v>
      </c>
      <c r="K160" s="99" t="str">
        <f t="shared" si="1"/>
        <v/>
      </c>
      <c r="L160" s="168">
        <v>1</v>
      </c>
      <c r="M160" s="168">
        <v>0</v>
      </c>
      <c r="N160" s="168">
        <v>0</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3</v>
      </c>
      <c r="K161" s="99" t="str">
        <f t="shared" si="1"/>
        <v/>
      </c>
      <c r="L161" s="167">
        <v>1</v>
      </c>
      <c r="M161" s="167">
        <v>0</v>
      </c>
      <c r="N161" s="167">
        <v>2</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1</v>
      </c>
      <c r="K162" s="99" t="str">
        <f t="shared" si="1"/>
        <v/>
      </c>
      <c r="L162" s="168">
        <v>1</v>
      </c>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0</v>
      </c>
      <c r="K163" s="99" t="str">
        <f t="shared" si="1"/>
        <v/>
      </c>
      <c r="L163" s="167">
        <v>0</v>
      </c>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v>0</v>
      </c>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v>0</v>
      </c>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v>0</v>
      </c>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v>0</v>
      </c>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v>0</v>
      </c>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v>0</v>
      </c>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v>0</v>
      </c>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v>0</v>
      </c>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v>0</v>
      </c>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1</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v>0</v>
      </c>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v>0</v>
      </c>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v>0</v>
      </c>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v>0</v>
      </c>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37</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173</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334</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173</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173</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173</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v>537</v>
      </c>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v>537</v>
      </c>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v>537</v>
      </c>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537</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537</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0</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537</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537</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0</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0</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537</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537</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v>0</v>
      </c>
      <c r="K318" s="99" t="str">
        <f>IF(OR(COUNTIF(J318,"未確認")&gt;0,COUNTIF(J318,"*")&gt;0),"※","")</f>
        <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0</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v>0</v>
      </c>
      <c r="K327" s="99" t="str">
        <f t="shared" ref="K327:K332" si="3">IF(OR(COUNTIF(J327,"未確認")&gt;0,COUNTIF(J327,"*")&gt;0),"※","")</f>
        <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v>0</v>
      </c>
      <c r="K328" s="99" t="str">
        <f t="shared" si="3"/>
        <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v>0</v>
      </c>
      <c r="K330" s="99" t="str">
        <f t="shared" si="3"/>
        <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0</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0</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537</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21:37Z</cp:lastPrinted>
  <dcterms:created xsi:type="dcterms:W3CDTF">2019-03-05T11:12:49Z</dcterms:created>
  <dcterms:modified xsi:type="dcterms:W3CDTF">2021-05-24T00:21:38Z</dcterms:modified>
</cp:coreProperties>
</file>